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7516D" w:rsidRPr="00D3319C" w:rsidRDefault="0017516D" w:rsidP="001E727F">
      <w:pPr>
        <w:tabs>
          <w:tab w:val="left" w:pos="709"/>
          <w:tab w:val="left" w:pos="1701"/>
          <w:tab w:val="left" w:pos="3969"/>
          <w:tab w:val="left" w:pos="6237"/>
        </w:tabs>
        <w:rPr>
          <w:b/>
          <w:sz w:val="24"/>
          <w:szCs w:val="24"/>
        </w:rPr>
      </w:pPr>
    </w:p>
    <w:p w:rsidR="007B5F3E" w:rsidRPr="00033876" w:rsidRDefault="0089049E" w:rsidP="00C26387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Pr="00033876">
        <w:rPr>
          <w:rFonts w:asciiTheme="minorHAnsi" w:hAnsiTheme="minorHAnsi"/>
          <w:b/>
          <w:sz w:val="24"/>
          <w:szCs w:val="24"/>
        </w:rPr>
        <w:tab/>
      </w:r>
      <w:r w:rsidR="00D3319C" w:rsidRPr="00033876">
        <w:rPr>
          <w:rFonts w:asciiTheme="minorHAnsi" w:hAnsiTheme="minorHAnsi"/>
          <w:b/>
          <w:sz w:val="24"/>
          <w:szCs w:val="24"/>
        </w:rPr>
        <w:t xml:space="preserve">                     </w:t>
      </w:r>
      <w:r w:rsidR="00553FD5" w:rsidRPr="00033876">
        <w:rPr>
          <w:rFonts w:asciiTheme="minorHAnsi" w:hAnsiTheme="minorHAnsi"/>
          <w:b/>
          <w:sz w:val="24"/>
          <w:szCs w:val="24"/>
        </w:rPr>
        <w:tab/>
      </w:r>
    </w:p>
    <w:p w:rsidR="00F035F6" w:rsidRDefault="00F035F6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143825" w:rsidRPr="00033876" w:rsidRDefault="00143825" w:rsidP="00033876">
      <w:pPr>
        <w:tabs>
          <w:tab w:val="left" w:pos="709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b/>
          <w:sz w:val="24"/>
          <w:szCs w:val="24"/>
        </w:rPr>
      </w:pPr>
    </w:p>
    <w:p w:rsidR="006D3A95" w:rsidRPr="00033876" w:rsidRDefault="0089049E" w:rsidP="00033876">
      <w:pPr>
        <w:tabs>
          <w:tab w:val="left" w:pos="0"/>
          <w:tab w:val="left" w:pos="1701"/>
          <w:tab w:val="left" w:pos="3969"/>
          <w:tab w:val="left" w:pos="6237"/>
        </w:tabs>
        <w:spacing w:line="276" w:lineRule="auto"/>
        <w:rPr>
          <w:rFonts w:asciiTheme="minorHAnsi" w:hAnsiTheme="minorHAnsi"/>
          <w:sz w:val="24"/>
        </w:rPr>
      </w:pPr>
      <w:r w:rsidRPr="00033876">
        <w:rPr>
          <w:rFonts w:asciiTheme="minorHAnsi" w:hAnsiTheme="minorHAnsi"/>
        </w:rPr>
        <w:tab/>
      </w:r>
      <w:r w:rsidR="004D1446">
        <w:rPr>
          <w:rFonts w:asciiTheme="minorHAnsi" w:hAnsiTheme="minorHAnsi"/>
          <w:sz w:val="24"/>
          <w:szCs w:val="24"/>
        </w:rPr>
        <w:t xml:space="preserve"> </w:t>
      </w:r>
    </w:p>
    <w:p w:rsidR="004D1446" w:rsidRDefault="004D1446" w:rsidP="004D1446">
      <w:pPr>
        <w:pStyle w:val="Nadpis3"/>
        <w:spacing w:line="378" w:lineRule="atLeast"/>
        <w:jc w:val="center"/>
        <w:rPr>
          <w:b w:val="0"/>
          <w:bCs/>
          <w:color w:val="004E6F"/>
          <w:szCs w:val="24"/>
          <w:u w:val="single"/>
        </w:rPr>
      </w:pPr>
      <w:r w:rsidRPr="004D1446">
        <w:rPr>
          <w:b w:val="0"/>
          <w:bCs/>
          <w:color w:val="004E6F"/>
          <w:sz w:val="40"/>
          <w:szCs w:val="40"/>
          <w:u w:val="single"/>
        </w:rPr>
        <w:t>Zasedání Žákovského parlamentu</w:t>
      </w:r>
    </w:p>
    <w:p w:rsidR="004D1446" w:rsidRDefault="004D1446" w:rsidP="004D1446"/>
    <w:p w:rsidR="004D1446" w:rsidRDefault="00CE4DC8" w:rsidP="004D1446">
      <w:pPr>
        <w:jc w:val="center"/>
        <w:rPr>
          <w:sz w:val="24"/>
          <w:szCs w:val="24"/>
        </w:rPr>
      </w:pPr>
      <w:r>
        <w:rPr>
          <w:sz w:val="24"/>
          <w:szCs w:val="24"/>
        </w:rPr>
        <w:t>ze dne 5. března</w:t>
      </w:r>
      <w:r w:rsidR="007053AB">
        <w:rPr>
          <w:sz w:val="24"/>
          <w:szCs w:val="24"/>
        </w:rPr>
        <w:t xml:space="preserve"> 2020</w:t>
      </w:r>
    </w:p>
    <w:p w:rsidR="004D1446" w:rsidRDefault="004D1446" w:rsidP="004D1446">
      <w:pPr>
        <w:jc w:val="center"/>
        <w:rPr>
          <w:sz w:val="24"/>
          <w:szCs w:val="24"/>
        </w:rPr>
      </w:pPr>
    </w:p>
    <w:p w:rsidR="004D1446" w:rsidRPr="004D1446" w:rsidRDefault="004D1446" w:rsidP="004D1446">
      <w:pPr>
        <w:jc w:val="center"/>
        <w:rPr>
          <w:sz w:val="24"/>
          <w:szCs w:val="24"/>
        </w:rPr>
      </w:pPr>
    </w:p>
    <w:p w:rsidR="004D1446" w:rsidRDefault="004D1446" w:rsidP="004D1446">
      <w:pPr>
        <w:pStyle w:val="Nadpis3"/>
        <w:spacing w:line="378" w:lineRule="atLeast"/>
        <w:rPr>
          <w:rFonts w:ascii="opensans_semibold" w:hAnsi="opensans_semibold"/>
          <w:b w:val="0"/>
          <w:bCs/>
          <w:color w:val="004E6F"/>
        </w:rPr>
      </w:pPr>
    </w:p>
    <w:p w:rsidR="00235E4A" w:rsidRPr="00235E4A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1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náměty a požadavky žáků vedení školy </w:t>
      </w:r>
    </w:p>
    <w:p w:rsidR="00235E4A" w:rsidRDefault="00CE4DC8" w:rsidP="00235E4A">
      <w:pPr>
        <w:pStyle w:val="Odstavecseseznamem"/>
        <w:widowControl/>
        <w:numPr>
          <w:ilvl w:val="0"/>
          <w:numId w:val="5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 xml:space="preserve">oprava skříňky na </w:t>
      </w:r>
      <w:proofErr w:type="gramStart"/>
      <w:r>
        <w:rPr>
          <w:rFonts w:ascii="open_sansregular" w:hAnsi="open_sansregular"/>
          <w:color w:val="3F3F3F"/>
          <w:sz w:val="23"/>
          <w:szCs w:val="23"/>
        </w:rPr>
        <w:t>pomůcky v V.A</w:t>
      </w:r>
      <w:proofErr w:type="gramEnd"/>
    </w:p>
    <w:p w:rsidR="00CE4DC8" w:rsidRDefault="00CE4DC8" w:rsidP="00235E4A">
      <w:pPr>
        <w:pStyle w:val="Odstavecseseznamem"/>
        <w:widowControl/>
        <w:numPr>
          <w:ilvl w:val="0"/>
          <w:numId w:val="5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oprava šuplíku v VII. A</w:t>
      </w:r>
    </w:p>
    <w:p w:rsidR="00CE4DC8" w:rsidRDefault="00CE4DC8" w:rsidP="00235E4A">
      <w:pPr>
        <w:pStyle w:val="Odstavecseseznamem"/>
        <w:widowControl/>
        <w:numPr>
          <w:ilvl w:val="0"/>
          <w:numId w:val="5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nevhodné chování některých žáků v </w:t>
      </w:r>
      <w:proofErr w:type="gramStart"/>
      <w:r>
        <w:rPr>
          <w:rFonts w:ascii="open_sansregular" w:hAnsi="open_sansregular"/>
          <w:color w:val="3F3F3F"/>
          <w:sz w:val="23"/>
          <w:szCs w:val="23"/>
        </w:rPr>
        <w:t>VIII.A</w:t>
      </w:r>
      <w:proofErr w:type="gramEnd"/>
    </w:p>
    <w:p w:rsidR="00061E02" w:rsidRPr="00235E4A" w:rsidRDefault="00061E02" w:rsidP="00061E02">
      <w:pPr>
        <w:pStyle w:val="Odstavecseseznamem"/>
        <w:widowControl/>
        <w:suppressAutoHyphens w:val="0"/>
        <w:spacing w:before="100" w:beforeAutospacing="1" w:after="100" w:afterAutospacing="1"/>
        <w:ind w:left="1440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>
        <w:rPr>
          <w:rFonts w:ascii="open_sansregular" w:hAnsi="open_sansregular"/>
          <w:b/>
          <w:color w:val="3F3F3F"/>
          <w:sz w:val="23"/>
          <w:szCs w:val="23"/>
        </w:rPr>
        <w:t>2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připomínky vedení školy a  učitelů</w:t>
      </w:r>
    </w:p>
    <w:p w:rsidR="00061E02" w:rsidRPr="00235E4A" w:rsidRDefault="00CE4DC8" w:rsidP="00CE4DC8">
      <w:pPr>
        <w:pStyle w:val="Odstavecseseznamem"/>
        <w:widowControl/>
        <w:numPr>
          <w:ilvl w:val="0"/>
          <w:numId w:val="9"/>
        </w:numPr>
        <w:suppressAutoHyphens w:val="0"/>
        <w:spacing w:before="100" w:beforeAutospacing="1" w:after="100" w:afterAutospacing="1"/>
        <w:ind w:left="1418"/>
        <w:jc w:val="both"/>
        <w:rPr>
          <w:rFonts w:ascii="open_sansregular" w:hAnsi="open_sansregular"/>
          <w:b/>
          <w:color w:val="3F3F3F"/>
          <w:sz w:val="23"/>
          <w:szCs w:val="23"/>
        </w:rPr>
      </w:pPr>
      <w:bookmarkStart w:id="0" w:name="_GoBack"/>
      <w:bookmarkEnd w:id="0"/>
      <w:r>
        <w:rPr>
          <w:rFonts w:ascii="open_sansregular" w:hAnsi="open_sansregular"/>
          <w:color w:val="3F3F3F"/>
          <w:sz w:val="23"/>
          <w:szCs w:val="23"/>
        </w:rPr>
        <w:t xml:space="preserve">24. 3. den otevřených dveří – dodržovat čistotu, pořádek a vhodně reprezentovat školu </w:t>
      </w:r>
    </w:p>
    <w:p w:rsidR="004D1446" w:rsidRDefault="00235E4A" w:rsidP="00235E4A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 w:rsidRPr="00235E4A">
        <w:rPr>
          <w:rFonts w:ascii="open_sansregular" w:hAnsi="open_sansregular"/>
          <w:b/>
          <w:color w:val="3F3F3F"/>
          <w:sz w:val="23"/>
          <w:szCs w:val="23"/>
        </w:rPr>
        <w:t>3.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sdělení 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 xml:space="preserve"> o novinkách v průběhu 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>školního r</w:t>
      </w:r>
      <w:r w:rsidR="004D1446" w:rsidRPr="00235E4A">
        <w:rPr>
          <w:rFonts w:ascii="open_sansregular" w:hAnsi="open_sansregular"/>
          <w:b/>
          <w:color w:val="3F3F3F"/>
          <w:sz w:val="23"/>
          <w:szCs w:val="23"/>
        </w:rPr>
        <w:t>oku</w:t>
      </w:r>
    </w:p>
    <w:p w:rsidR="00061E02" w:rsidRDefault="00CE4DC8" w:rsidP="00061E02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19 a 20</w:t>
      </w:r>
      <w:r w:rsidR="00061E02">
        <w:rPr>
          <w:rFonts w:ascii="open_sansregular" w:hAnsi="open_sansregular"/>
          <w:color w:val="3F3F3F"/>
          <w:sz w:val="23"/>
          <w:szCs w:val="23"/>
        </w:rPr>
        <w:t xml:space="preserve">. března 2020 se koná </w:t>
      </w:r>
      <w:r>
        <w:rPr>
          <w:rFonts w:ascii="open_sansregular" w:hAnsi="open_sansregular"/>
          <w:color w:val="3F3F3F"/>
          <w:sz w:val="23"/>
          <w:szCs w:val="23"/>
        </w:rPr>
        <w:t>okresní</w:t>
      </w:r>
      <w:r w:rsidR="00061E02">
        <w:rPr>
          <w:rFonts w:ascii="open_sansregular" w:hAnsi="open_sansregular"/>
          <w:color w:val="3F3F3F"/>
          <w:sz w:val="23"/>
          <w:szCs w:val="23"/>
        </w:rPr>
        <w:t xml:space="preserve"> kolo recitační soutěže</w:t>
      </w:r>
    </w:p>
    <w:p w:rsidR="00CE4DC8" w:rsidRPr="00061E02" w:rsidRDefault="00CE4DC8" w:rsidP="00061E02">
      <w:pPr>
        <w:pStyle w:val="Odstavecseseznamem"/>
        <w:widowControl/>
        <w:numPr>
          <w:ilvl w:val="0"/>
          <w:numId w:val="6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>20. března 2020 soutěž „</w:t>
      </w:r>
      <w:r w:rsidRPr="00CE4DC8">
        <w:rPr>
          <w:rStyle w:val="Siln"/>
          <w:color w:val="222222"/>
          <w:sz w:val="24"/>
          <w:szCs w:val="24"/>
          <w:shd w:val="clear" w:color="auto" w:fill="FFFFFF"/>
        </w:rPr>
        <w:t>Matematický klokan</w:t>
      </w:r>
      <w:r>
        <w:rPr>
          <w:rFonts w:ascii="open_sansregular" w:hAnsi="open_sansregular"/>
          <w:color w:val="3F3F3F"/>
          <w:sz w:val="23"/>
          <w:szCs w:val="23"/>
        </w:rPr>
        <w:t>“</w:t>
      </w:r>
    </w:p>
    <w:p w:rsidR="00061E02" w:rsidRPr="00061E02" w:rsidRDefault="00061E02" w:rsidP="00061E02">
      <w:pPr>
        <w:widowControl/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</w:p>
    <w:p w:rsidR="008017E1" w:rsidRDefault="00235E4A" w:rsidP="008017E1">
      <w:pPr>
        <w:widowControl/>
        <w:suppressAutoHyphens w:val="0"/>
        <w:spacing w:before="100" w:beforeAutospacing="1" w:after="100" w:afterAutospacing="1"/>
        <w:ind w:left="720"/>
        <w:jc w:val="both"/>
        <w:rPr>
          <w:rFonts w:ascii="open_sansregular" w:hAnsi="open_sansregular"/>
          <w:b/>
          <w:color w:val="3F3F3F"/>
          <w:sz w:val="23"/>
          <w:szCs w:val="23"/>
        </w:rPr>
      </w:pPr>
      <w:r w:rsidRPr="00235E4A">
        <w:rPr>
          <w:rFonts w:ascii="open_sansregular" w:hAnsi="open_sansregular"/>
          <w:b/>
          <w:color w:val="3F3F3F"/>
          <w:sz w:val="23"/>
          <w:szCs w:val="23"/>
        </w:rPr>
        <w:t xml:space="preserve">4. </w:t>
      </w:r>
      <w:r w:rsidRPr="00235E4A">
        <w:rPr>
          <w:rFonts w:ascii="open_sansregular" w:hAnsi="open_sansregular"/>
          <w:b/>
          <w:color w:val="3F3F3F"/>
          <w:sz w:val="23"/>
          <w:szCs w:val="23"/>
        </w:rPr>
        <w:tab/>
        <w:t xml:space="preserve">vytváření pozitivního klimatu školy </w:t>
      </w:r>
    </w:p>
    <w:p w:rsidR="00196E52" w:rsidRPr="008017E1" w:rsidRDefault="00196E52" w:rsidP="008017E1">
      <w:pPr>
        <w:pStyle w:val="Odstavecseseznamem"/>
        <w:widowControl/>
        <w:numPr>
          <w:ilvl w:val="0"/>
          <w:numId w:val="8"/>
        </w:numPr>
        <w:suppressAutoHyphens w:val="0"/>
        <w:spacing w:before="100" w:beforeAutospacing="1" w:after="100" w:afterAutospacing="1"/>
        <w:jc w:val="both"/>
        <w:rPr>
          <w:rFonts w:ascii="open_sansregular" w:hAnsi="open_sansregular"/>
          <w:color w:val="3F3F3F"/>
          <w:sz w:val="23"/>
          <w:szCs w:val="23"/>
        </w:rPr>
      </w:pPr>
      <w:r>
        <w:rPr>
          <w:rFonts w:ascii="open_sansregular" w:hAnsi="open_sansregular"/>
          <w:color w:val="3F3F3F"/>
          <w:sz w:val="23"/>
          <w:szCs w:val="23"/>
        </w:rPr>
        <w:t xml:space="preserve">diskuze na téma </w:t>
      </w:r>
      <w:r w:rsidR="00CE4DC8">
        <w:rPr>
          <w:rFonts w:ascii="open_sansregular" w:hAnsi="open_sansregular"/>
          <w:color w:val="3F3F3F"/>
          <w:sz w:val="23"/>
          <w:szCs w:val="23"/>
        </w:rPr>
        <w:t>zapojení žáků školy do tvorby Etického kodexu školy</w:t>
      </w:r>
    </w:p>
    <w:sectPr w:rsidR="00196E52" w:rsidRPr="008017E1" w:rsidSect="00AE32E2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pos w:val="beneathText"/>
      </w:footnotePr>
      <w:pgSz w:w="11905" w:h="16837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315EF" w:rsidRDefault="005315EF" w:rsidP="00E97070">
      <w:r>
        <w:separator/>
      </w:r>
    </w:p>
  </w:endnote>
  <w:endnote w:type="continuationSeparator" w:id="0">
    <w:p w:rsidR="005315EF" w:rsidRDefault="005315EF" w:rsidP="00E9707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Lucida Sans Unicode">
    <w:panose1 w:val="020B0602030504020204"/>
    <w:charset w:val="EE"/>
    <w:family w:val="swiss"/>
    <w:pitch w:val="variable"/>
    <w:sig w:usb0="80000AFF" w:usb1="0000396B" w:usb2="00000000" w:usb3="00000000" w:csb0="000000B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opensans_semibold">
    <w:altName w:val="Times New Roman"/>
    <w:panose1 w:val="00000000000000000000"/>
    <w:charset w:val="00"/>
    <w:family w:val="roman"/>
    <w:notTrueType/>
    <w:pitch w:val="default"/>
  </w:font>
  <w:font w:name="open_sansregular">
    <w:altName w:val="Times New Roman"/>
    <w:panose1 w:val="00000000000000000000"/>
    <w:charset w:val="00"/>
    <w:family w:val="roman"/>
    <w:notTrueType/>
    <w:pitch w:val="default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pa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315EF" w:rsidRDefault="005315EF" w:rsidP="00E97070">
      <w:r>
        <w:separator/>
      </w:r>
    </w:p>
  </w:footnote>
  <w:footnote w:type="continuationSeparator" w:id="0">
    <w:p w:rsidR="005315EF" w:rsidRDefault="005315EF" w:rsidP="00E97070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97070" w:rsidRDefault="00E97070" w:rsidP="00E97070">
    <w:pPr>
      <w:pStyle w:val="Nzev"/>
    </w:pPr>
    <w:r>
      <w:rPr>
        <w:noProof/>
        <w:lang w:eastAsia="cs-CZ"/>
      </w:rPr>
      <w:drawing>
        <wp:anchor distT="0" distB="0" distL="114300" distR="114300" simplePos="0" relativeHeight="251658240" behindDoc="0" locked="0" layoutInCell="1" allowOverlap="1">
          <wp:simplePos x="0" y="0"/>
          <wp:positionH relativeFrom="column">
            <wp:posOffset>-404495</wp:posOffset>
          </wp:positionH>
          <wp:positionV relativeFrom="paragraph">
            <wp:posOffset>-59055</wp:posOffset>
          </wp:positionV>
          <wp:extent cx="1009650" cy="1019175"/>
          <wp:effectExtent l="19050" t="0" r="0" b="0"/>
          <wp:wrapSquare wrapText="bothSides"/>
          <wp:docPr id="1" name="obrázek 1" descr="\\s01\DataUcitel\lacivl\Obrázky\logo-zs-ms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s01\DataUcitel\lacivl\Obrázky\logo-zs-ms.png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009650" cy="101917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Pr="00D1536B">
      <w:t xml:space="preserve">Základní škola </w:t>
    </w:r>
    <w:r>
      <w:t xml:space="preserve">a mateřská škola </w:t>
    </w:r>
    <w:r w:rsidRPr="00D1536B">
      <w:t>Dolní Slivno</w:t>
    </w:r>
    <w:r>
      <w:t xml:space="preserve">, </w:t>
    </w:r>
  </w:p>
  <w:p w:rsidR="00E97070" w:rsidRPr="00D1536B" w:rsidRDefault="00E97070" w:rsidP="00E97070">
    <w:pPr>
      <w:pStyle w:val="Nzev"/>
    </w:pPr>
    <w:r>
      <w:t>příspěvková organizace</w:t>
    </w:r>
  </w:p>
  <w:p w:rsidR="00E97070" w:rsidRPr="00D1536B" w:rsidRDefault="00F70A6A" w:rsidP="00E97070">
    <w:pPr>
      <w:jc w:val="center"/>
    </w:pPr>
    <w:r w:rsidRPr="00D1536B">
      <w:t>294 78</w:t>
    </w:r>
    <w:r>
      <w:t xml:space="preserve"> Dolní Slivno 40</w:t>
    </w:r>
  </w:p>
  <w:p w:rsidR="00E97070" w:rsidRDefault="00E97070" w:rsidP="00E97070">
    <w:pPr>
      <w:jc w:val="center"/>
    </w:pPr>
    <w:r>
      <w:t>IČO  71007245</w:t>
    </w:r>
  </w:p>
  <w:p w:rsidR="00E97070" w:rsidRDefault="00E97070" w:rsidP="00E97070">
    <w:pPr>
      <w:pStyle w:val="Nadpis1"/>
      <w:pBdr>
        <w:bottom w:val="single" w:sz="8" w:space="1" w:color="000000"/>
      </w:pBdr>
    </w:pPr>
    <w:r>
      <w:t xml:space="preserve">tel. 326 393 316, </w:t>
    </w:r>
    <w:hyperlink r:id="rId2" w:history="1">
      <w:r w:rsidRPr="00663C09">
        <w:rPr>
          <w:rStyle w:val="Hypertextovodkaz"/>
          <w:color w:val="auto"/>
        </w:rPr>
        <w:t>info@zsdolnislivno.cz</w:t>
      </w:r>
    </w:hyperlink>
    <w:r w:rsidRPr="00663C09">
      <w:t>,</w:t>
    </w:r>
    <w:r>
      <w:t xml:space="preserve"> www.zsdolnislivno.cz</w:t>
    </w:r>
  </w:p>
  <w:p w:rsidR="00E97070" w:rsidRDefault="00E97070" w:rsidP="00E97070">
    <w:pPr>
      <w:pStyle w:val="Zhlav"/>
      <w:jc w:val="both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1EF0" w:rsidRDefault="00221EF0">
    <w:pPr>
      <w:pStyle w:val="Zhlav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0447E0"/>
    <w:multiLevelType w:val="multilevel"/>
    <w:tmpl w:val="6178CA10"/>
    <w:lvl w:ilvl="0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  <w:sz w:val="20"/>
      </w:rPr>
    </w:lvl>
    <w:lvl w:ilvl="1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10C92563"/>
    <w:multiLevelType w:val="hybridMultilevel"/>
    <w:tmpl w:val="70BEBD24"/>
    <w:lvl w:ilvl="0" w:tplc="040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0691DE1"/>
    <w:multiLevelType w:val="hybridMultilevel"/>
    <w:tmpl w:val="B234F9AC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" w15:restartNumberingAfterBreak="0">
    <w:nsid w:val="28236F10"/>
    <w:multiLevelType w:val="hybridMultilevel"/>
    <w:tmpl w:val="8E82BACE"/>
    <w:lvl w:ilvl="0" w:tplc="0C5C73A8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B3B7E41"/>
    <w:multiLevelType w:val="hybridMultilevel"/>
    <w:tmpl w:val="AA1A43F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5" w15:restartNumberingAfterBreak="0">
    <w:nsid w:val="5C4A4AD7"/>
    <w:multiLevelType w:val="hybridMultilevel"/>
    <w:tmpl w:val="DBC80BDE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6" w15:restartNumberingAfterBreak="0">
    <w:nsid w:val="66BD3B90"/>
    <w:multiLevelType w:val="hybridMultilevel"/>
    <w:tmpl w:val="93080D86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7" w15:restartNumberingAfterBreak="0">
    <w:nsid w:val="66C73F5B"/>
    <w:multiLevelType w:val="hybridMultilevel"/>
    <w:tmpl w:val="A1EC697A"/>
    <w:lvl w:ilvl="0" w:tplc="040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8" w15:restartNumberingAfterBreak="0">
    <w:nsid w:val="7C2B43C5"/>
    <w:multiLevelType w:val="hybridMultilevel"/>
    <w:tmpl w:val="57245284"/>
    <w:lvl w:ilvl="0" w:tplc="0405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3"/>
  </w:num>
  <w:num w:numId="3">
    <w:abstractNumId w:val="0"/>
  </w:num>
  <w:num w:numId="4">
    <w:abstractNumId w:val="6"/>
  </w:num>
  <w:num w:numId="5">
    <w:abstractNumId w:val="7"/>
  </w:num>
  <w:num w:numId="6">
    <w:abstractNumId w:val="2"/>
  </w:num>
  <w:num w:numId="7">
    <w:abstractNumId w:val="5"/>
  </w:num>
  <w:num w:numId="8">
    <w:abstractNumId w:val="4"/>
  </w:num>
  <w:num w:numId="9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noPunctuationKerning/>
  <w:characterSpacingControl w:val="doNotCompress"/>
  <w:hdrShapeDefaults>
    <o:shapedefaults v:ext="edit" spidmax="2049"/>
  </w:hdrShapeDefaults>
  <w:footnotePr>
    <w:pos w:val="beneathText"/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0187"/>
    <w:rsid w:val="00007829"/>
    <w:rsid w:val="000118EC"/>
    <w:rsid w:val="00021C8B"/>
    <w:rsid w:val="00033876"/>
    <w:rsid w:val="00034F98"/>
    <w:rsid w:val="00061E02"/>
    <w:rsid w:val="00064557"/>
    <w:rsid w:val="000672BF"/>
    <w:rsid w:val="00073435"/>
    <w:rsid w:val="000845EB"/>
    <w:rsid w:val="00096172"/>
    <w:rsid w:val="000B53B1"/>
    <w:rsid w:val="000C2A18"/>
    <w:rsid w:val="000D5AC3"/>
    <w:rsid w:val="000E3BFD"/>
    <w:rsid w:val="000F4774"/>
    <w:rsid w:val="00101AB5"/>
    <w:rsid w:val="0011612A"/>
    <w:rsid w:val="00120B6A"/>
    <w:rsid w:val="00122666"/>
    <w:rsid w:val="00134D05"/>
    <w:rsid w:val="00137C5F"/>
    <w:rsid w:val="00143825"/>
    <w:rsid w:val="00150D3E"/>
    <w:rsid w:val="00161BC7"/>
    <w:rsid w:val="00161CA7"/>
    <w:rsid w:val="00167425"/>
    <w:rsid w:val="00170C0A"/>
    <w:rsid w:val="00171A77"/>
    <w:rsid w:val="0017516D"/>
    <w:rsid w:val="00190373"/>
    <w:rsid w:val="00193082"/>
    <w:rsid w:val="00195CED"/>
    <w:rsid w:val="00196E52"/>
    <w:rsid w:val="001A1510"/>
    <w:rsid w:val="001B2079"/>
    <w:rsid w:val="001C3CA8"/>
    <w:rsid w:val="001E142B"/>
    <w:rsid w:val="001E715F"/>
    <w:rsid w:val="001E71AE"/>
    <w:rsid w:val="001E727F"/>
    <w:rsid w:val="00212EA7"/>
    <w:rsid w:val="00220187"/>
    <w:rsid w:val="00221EF0"/>
    <w:rsid w:val="0022278B"/>
    <w:rsid w:val="00225EFD"/>
    <w:rsid w:val="00231766"/>
    <w:rsid w:val="00232E33"/>
    <w:rsid w:val="00235E4A"/>
    <w:rsid w:val="0023633F"/>
    <w:rsid w:val="00247F8B"/>
    <w:rsid w:val="00254193"/>
    <w:rsid w:val="00260A00"/>
    <w:rsid w:val="0026254C"/>
    <w:rsid w:val="00274AD4"/>
    <w:rsid w:val="00282C31"/>
    <w:rsid w:val="00293A52"/>
    <w:rsid w:val="002B6D58"/>
    <w:rsid w:val="002D77CA"/>
    <w:rsid w:val="002E0A06"/>
    <w:rsid w:val="002F00B5"/>
    <w:rsid w:val="0030693C"/>
    <w:rsid w:val="00310F47"/>
    <w:rsid w:val="00324A91"/>
    <w:rsid w:val="00350A29"/>
    <w:rsid w:val="00366A25"/>
    <w:rsid w:val="00366D8F"/>
    <w:rsid w:val="00384820"/>
    <w:rsid w:val="00391A23"/>
    <w:rsid w:val="003A7CAE"/>
    <w:rsid w:val="003C2570"/>
    <w:rsid w:val="003D3A7E"/>
    <w:rsid w:val="003D6813"/>
    <w:rsid w:val="003D6DEF"/>
    <w:rsid w:val="003E12FE"/>
    <w:rsid w:val="003F24BC"/>
    <w:rsid w:val="0040038E"/>
    <w:rsid w:val="00403196"/>
    <w:rsid w:val="00403370"/>
    <w:rsid w:val="00410E9A"/>
    <w:rsid w:val="004139C3"/>
    <w:rsid w:val="004152DD"/>
    <w:rsid w:val="00416C80"/>
    <w:rsid w:val="00423E21"/>
    <w:rsid w:val="004314BB"/>
    <w:rsid w:val="00446686"/>
    <w:rsid w:val="0045154D"/>
    <w:rsid w:val="00451669"/>
    <w:rsid w:val="004564F8"/>
    <w:rsid w:val="00492C52"/>
    <w:rsid w:val="00495439"/>
    <w:rsid w:val="004A4330"/>
    <w:rsid w:val="004B1BA3"/>
    <w:rsid w:val="004D0F98"/>
    <w:rsid w:val="004D1446"/>
    <w:rsid w:val="004D1A3F"/>
    <w:rsid w:val="00523B6C"/>
    <w:rsid w:val="00524185"/>
    <w:rsid w:val="005315EF"/>
    <w:rsid w:val="0053267B"/>
    <w:rsid w:val="00540AE6"/>
    <w:rsid w:val="00553FD5"/>
    <w:rsid w:val="00565DA5"/>
    <w:rsid w:val="00583A48"/>
    <w:rsid w:val="00585706"/>
    <w:rsid w:val="00585DE1"/>
    <w:rsid w:val="00587F63"/>
    <w:rsid w:val="00595A74"/>
    <w:rsid w:val="005A3CBD"/>
    <w:rsid w:val="005B1C49"/>
    <w:rsid w:val="005C1478"/>
    <w:rsid w:val="005C4787"/>
    <w:rsid w:val="005C4BAB"/>
    <w:rsid w:val="005C58C1"/>
    <w:rsid w:val="005E02EE"/>
    <w:rsid w:val="005E093E"/>
    <w:rsid w:val="005E0B2F"/>
    <w:rsid w:val="005E6DF0"/>
    <w:rsid w:val="00611239"/>
    <w:rsid w:val="00612E28"/>
    <w:rsid w:val="00615B4C"/>
    <w:rsid w:val="00622645"/>
    <w:rsid w:val="006368B3"/>
    <w:rsid w:val="00643824"/>
    <w:rsid w:val="00660850"/>
    <w:rsid w:val="00661DC5"/>
    <w:rsid w:val="00663C09"/>
    <w:rsid w:val="00674DF9"/>
    <w:rsid w:val="00681A49"/>
    <w:rsid w:val="00693B19"/>
    <w:rsid w:val="006C095A"/>
    <w:rsid w:val="006C20BA"/>
    <w:rsid w:val="006C28CD"/>
    <w:rsid w:val="006C2DE0"/>
    <w:rsid w:val="006C5849"/>
    <w:rsid w:val="006C62D0"/>
    <w:rsid w:val="006D3A95"/>
    <w:rsid w:val="007053AB"/>
    <w:rsid w:val="007160DC"/>
    <w:rsid w:val="00717ACB"/>
    <w:rsid w:val="0072299B"/>
    <w:rsid w:val="0073349D"/>
    <w:rsid w:val="00744013"/>
    <w:rsid w:val="00761706"/>
    <w:rsid w:val="00763E5E"/>
    <w:rsid w:val="00771CB3"/>
    <w:rsid w:val="007726A4"/>
    <w:rsid w:val="0077581C"/>
    <w:rsid w:val="00775B68"/>
    <w:rsid w:val="00785DE4"/>
    <w:rsid w:val="00793C71"/>
    <w:rsid w:val="007A2CF8"/>
    <w:rsid w:val="007A393C"/>
    <w:rsid w:val="007B5F3E"/>
    <w:rsid w:val="007C668E"/>
    <w:rsid w:val="007D2D93"/>
    <w:rsid w:val="007D5501"/>
    <w:rsid w:val="007E65A9"/>
    <w:rsid w:val="007F2994"/>
    <w:rsid w:val="008017E1"/>
    <w:rsid w:val="00806A74"/>
    <w:rsid w:val="008149C4"/>
    <w:rsid w:val="00834C6D"/>
    <w:rsid w:val="00840916"/>
    <w:rsid w:val="00845F87"/>
    <w:rsid w:val="00855908"/>
    <w:rsid w:val="008609CD"/>
    <w:rsid w:val="00863BF9"/>
    <w:rsid w:val="008654A3"/>
    <w:rsid w:val="00871B81"/>
    <w:rsid w:val="00871F50"/>
    <w:rsid w:val="008776FB"/>
    <w:rsid w:val="00877DDF"/>
    <w:rsid w:val="00887BFF"/>
    <w:rsid w:val="0089049E"/>
    <w:rsid w:val="008916A8"/>
    <w:rsid w:val="008A0FE9"/>
    <w:rsid w:val="008B0476"/>
    <w:rsid w:val="008B0FFC"/>
    <w:rsid w:val="008E6B95"/>
    <w:rsid w:val="008F2E6D"/>
    <w:rsid w:val="009022AB"/>
    <w:rsid w:val="00907B8D"/>
    <w:rsid w:val="00913CFA"/>
    <w:rsid w:val="009264A1"/>
    <w:rsid w:val="00950B39"/>
    <w:rsid w:val="0096597B"/>
    <w:rsid w:val="00990C65"/>
    <w:rsid w:val="009924B8"/>
    <w:rsid w:val="009B355A"/>
    <w:rsid w:val="009C3B84"/>
    <w:rsid w:val="009C5A01"/>
    <w:rsid w:val="009D6B9A"/>
    <w:rsid w:val="009E45FE"/>
    <w:rsid w:val="009E5F46"/>
    <w:rsid w:val="009E6CAA"/>
    <w:rsid w:val="009F0A4E"/>
    <w:rsid w:val="00A20AF4"/>
    <w:rsid w:val="00A230E7"/>
    <w:rsid w:val="00A344B8"/>
    <w:rsid w:val="00A42DDE"/>
    <w:rsid w:val="00A45B65"/>
    <w:rsid w:val="00A47442"/>
    <w:rsid w:val="00A505AC"/>
    <w:rsid w:val="00A67CD5"/>
    <w:rsid w:val="00A91755"/>
    <w:rsid w:val="00AA7261"/>
    <w:rsid w:val="00AB4E8C"/>
    <w:rsid w:val="00AD00FE"/>
    <w:rsid w:val="00AD1B09"/>
    <w:rsid w:val="00AD3262"/>
    <w:rsid w:val="00AE32E2"/>
    <w:rsid w:val="00AE5582"/>
    <w:rsid w:val="00AE67BF"/>
    <w:rsid w:val="00AF558D"/>
    <w:rsid w:val="00AF5854"/>
    <w:rsid w:val="00B0427E"/>
    <w:rsid w:val="00B13868"/>
    <w:rsid w:val="00B15D6F"/>
    <w:rsid w:val="00B33C9F"/>
    <w:rsid w:val="00B5449C"/>
    <w:rsid w:val="00B63E8A"/>
    <w:rsid w:val="00B70313"/>
    <w:rsid w:val="00B75557"/>
    <w:rsid w:val="00B8337A"/>
    <w:rsid w:val="00BA02EB"/>
    <w:rsid w:val="00BA2806"/>
    <w:rsid w:val="00BB1FA3"/>
    <w:rsid w:val="00BB6E91"/>
    <w:rsid w:val="00BC17A7"/>
    <w:rsid w:val="00BE3D9E"/>
    <w:rsid w:val="00BF066E"/>
    <w:rsid w:val="00BF22FC"/>
    <w:rsid w:val="00C26387"/>
    <w:rsid w:val="00C45559"/>
    <w:rsid w:val="00C60662"/>
    <w:rsid w:val="00C62B87"/>
    <w:rsid w:val="00C74366"/>
    <w:rsid w:val="00C7500C"/>
    <w:rsid w:val="00C84773"/>
    <w:rsid w:val="00C91D80"/>
    <w:rsid w:val="00C92039"/>
    <w:rsid w:val="00C965A7"/>
    <w:rsid w:val="00CB083E"/>
    <w:rsid w:val="00CB51C3"/>
    <w:rsid w:val="00CC1CC9"/>
    <w:rsid w:val="00CC2E5F"/>
    <w:rsid w:val="00CD218C"/>
    <w:rsid w:val="00CD5DF5"/>
    <w:rsid w:val="00CE439C"/>
    <w:rsid w:val="00CE4DC8"/>
    <w:rsid w:val="00CE514F"/>
    <w:rsid w:val="00D152E7"/>
    <w:rsid w:val="00D1536B"/>
    <w:rsid w:val="00D17FE6"/>
    <w:rsid w:val="00D3319C"/>
    <w:rsid w:val="00D33B8E"/>
    <w:rsid w:val="00D40785"/>
    <w:rsid w:val="00D45D81"/>
    <w:rsid w:val="00D84716"/>
    <w:rsid w:val="00D856BE"/>
    <w:rsid w:val="00DA70AB"/>
    <w:rsid w:val="00DA765F"/>
    <w:rsid w:val="00DB0B0F"/>
    <w:rsid w:val="00DC755B"/>
    <w:rsid w:val="00DD2CA0"/>
    <w:rsid w:val="00DD7B99"/>
    <w:rsid w:val="00E26684"/>
    <w:rsid w:val="00E40EF5"/>
    <w:rsid w:val="00E45FC2"/>
    <w:rsid w:val="00E6124A"/>
    <w:rsid w:val="00E641DD"/>
    <w:rsid w:val="00E73A30"/>
    <w:rsid w:val="00E97070"/>
    <w:rsid w:val="00EA45A3"/>
    <w:rsid w:val="00EB4CF6"/>
    <w:rsid w:val="00EB6363"/>
    <w:rsid w:val="00EB7027"/>
    <w:rsid w:val="00ED54AF"/>
    <w:rsid w:val="00EE14FA"/>
    <w:rsid w:val="00EE1BEA"/>
    <w:rsid w:val="00EE5BB1"/>
    <w:rsid w:val="00EE6445"/>
    <w:rsid w:val="00F00AAF"/>
    <w:rsid w:val="00F035F6"/>
    <w:rsid w:val="00F043F6"/>
    <w:rsid w:val="00F06FC7"/>
    <w:rsid w:val="00F204B2"/>
    <w:rsid w:val="00F22E7D"/>
    <w:rsid w:val="00F36F05"/>
    <w:rsid w:val="00F373F9"/>
    <w:rsid w:val="00F50002"/>
    <w:rsid w:val="00F54AD7"/>
    <w:rsid w:val="00F7089C"/>
    <w:rsid w:val="00F70A6A"/>
    <w:rsid w:val="00F7469B"/>
    <w:rsid w:val="00F870E9"/>
    <w:rsid w:val="00F87F6A"/>
    <w:rsid w:val="00F903D6"/>
    <w:rsid w:val="00F90B1D"/>
    <w:rsid w:val="00F90B57"/>
    <w:rsid w:val="00F97F18"/>
    <w:rsid w:val="00FA1C86"/>
    <w:rsid w:val="00FA539E"/>
    <w:rsid w:val="00FB1A3C"/>
    <w:rsid w:val="00FB56B0"/>
    <w:rsid w:val="00FC07ED"/>
    <w:rsid w:val="00FC3080"/>
    <w:rsid w:val="00FC42C6"/>
    <w:rsid w:val="00FC64F5"/>
    <w:rsid w:val="00FC6EAD"/>
    <w:rsid w:val="00FD07A5"/>
    <w:rsid w:val="00FD1479"/>
    <w:rsid w:val="00FD4393"/>
    <w:rsid w:val="00FE2E1C"/>
    <w:rsid w:val="00FF3209"/>
    <w:rsid w:val="00FF561D"/>
    <w:rsid w:val="00FF5B3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34A73BB0"/>
  <w15:docId w15:val="{EBA66DE0-1991-4B76-947B-9848B05AF08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sid w:val="00AE32E2"/>
    <w:pPr>
      <w:widowControl w:val="0"/>
      <w:suppressAutoHyphens/>
    </w:pPr>
    <w:rPr>
      <w:lang w:eastAsia="ar-SA"/>
    </w:rPr>
  </w:style>
  <w:style w:type="paragraph" w:styleId="Nadpis1">
    <w:name w:val="heading 1"/>
    <w:basedOn w:val="Normln"/>
    <w:next w:val="Normln"/>
    <w:qFormat/>
    <w:rsid w:val="00AE32E2"/>
    <w:pPr>
      <w:jc w:val="center"/>
      <w:outlineLvl w:val="0"/>
    </w:pPr>
    <w:rPr>
      <w:sz w:val="24"/>
    </w:rPr>
  </w:style>
  <w:style w:type="paragraph" w:styleId="Nadpis2">
    <w:name w:val="heading 2"/>
    <w:basedOn w:val="Normln"/>
    <w:next w:val="Normln"/>
    <w:qFormat/>
    <w:rsid w:val="00AE32E2"/>
    <w:pPr>
      <w:outlineLvl w:val="1"/>
    </w:pPr>
    <w:rPr>
      <w:b/>
      <w:sz w:val="24"/>
      <w:u w:val="single"/>
    </w:rPr>
  </w:style>
  <w:style w:type="paragraph" w:styleId="Nadpis3">
    <w:name w:val="heading 3"/>
    <w:basedOn w:val="Normln"/>
    <w:next w:val="Normln"/>
    <w:qFormat/>
    <w:rsid w:val="00AE32E2"/>
    <w:pPr>
      <w:spacing w:line="360" w:lineRule="auto"/>
      <w:outlineLvl w:val="2"/>
    </w:pPr>
    <w:rPr>
      <w:b/>
      <w:sz w:val="24"/>
    </w:rPr>
  </w:style>
  <w:style w:type="paragraph" w:styleId="Nadpis4">
    <w:name w:val="heading 4"/>
    <w:basedOn w:val="Normln"/>
    <w:next w:val="Normln"/>
    <w:qFormat/>
    <w:rsid w:val="00AE32E2"/>
    <w:pPr>
      <w:outlineLvl w:val="3"/>
    </w:pPr>
    <w:rPr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character" w:customStyle="1" w:styleId="Standardnpsmoodstavce2">
    <w:name w:val="Standardní písmo odstavce2"/>
    <w:rsid w:val="00AE32E2"/>
  </w:style>
  <w:style w:type="paragraph" w:styleId="Zkladntext">
    <w:name w:val="Body Text"/>
    <w:basedOn w:val="Normln"/>
    <w:rsid w:val="00AE32E2"/>
    <w:pPr>
      <w:spacing w:after="120"/>
    </w:pPr>
  </w:style>
  <w:style w:type="paragraph" w:styleId="Seznam">
    <w:name w:val="List"/>
    <w:basedOn w:val="Zkladntext"/>
    <w:rsid w:val="00AE32E2"/>
    <w:rPr>
      <w:rFonts w:cs="Tahoma"/>
    </w:rPr>
  </w:style>
  <w:style w:type="paragraph" w:customStyle="1" w:styleId="Popisek">
    <w:name w:val="Popisek"/>
    <w:basedOn w:val="Normln"/>
    <w:rsid w:val="00AE32E2"/>
    <w:pPr>
      <w:suppressLineNumbers/>
      <w:spacing w:before="120" w:after="120"/>
    </w:pPr>
    <w:rPr>
      <w:rFonts w:cs="Tahoma"/>
      <w:i/>
      <w:iCs/>
    </w:rPr>
  </w:style>
  <w:style w:type="paragraph" w:customStyle="1" w:styleId="Rejstk">
    <w:name w:val="Rejstřík"/>
    <w:basedOn w:val="Normln"/>
    <w:rsid w:val="00AE32E2"/>
    <w:pPr>
      <w:suppressLineNumbers/>
    </w:pPr>
    <w:rPr>
      <w:rFonts w:cs="Tahoma"/>
    </w:rPr>
  </w:style>
  <w:style w:type="paragraph" w:customStyle="1" w:styleId="Nadpis">
    <w:name w:val="Nadpis"/>
    <w:basedOn w:val="Normln"/>
    <w:next w:val="Zkladntext"/>
    <w:rsid w:val="00AE32E2"/>
    <w:pPr>
      <w:keepNext/>
      <w:spacing w:before="240" w:after="120"/>
    </w:pPr>
    <w:rPr>
      <w:rFonts w:ascii="Arial" w:eastAsia="Lucida Sans Unicode" w:hAnsi="Arial" w:cs="Tahoma"/>
      <w:sz w:val="28"/>
      <w:szCs w:val="28"/>
    </w:rPr>
  </w:style>
  <w:style w:type="paragraph" w:styleId="Textbubliny">
    <w:name w:val="Balloon Text"/>
    <w:basedOn w:val="Normln"/>
    <w:rsid w:val="00AE32E2"/>
    <w:rPr>
      <w:rFonts w:ascii="Tahoma" w:hAnsi="Tahoma" w:cs="Tahoma"/>
      <w:sz w:val="16"/>
      <w:szCs w:val="16"/>
    </w:rPr>
  </w:style>
  <w:style w:type="paragraph" w:customStyle="1" w:styleId="Standardnpsmoodstavce1">
    <w:name w:val="Standardní písmo odstavce1"/>
    <w:basedOn w:val="Normln"/>
    <w:rsid w:val="00AE32E2"/>
  </w:style>
  <w:style w:type="paragraph" w:styleId="Nzev">
    <w:name w:val="Title"/>
    <w:basedOn w:val="Normln"/>
    <w:next w:val="Podnadpis"/>
    <w:qFormat/>
    <w:rsid w:val="00AE32E2"/>
    <w:pPr>
      <w:jc w:val="center"/>
    </w:pPr>
    <w:rPr>
      <w:sz w:val="36"/>
    </w:rPr>
  </w:style>
  <w:style w:type="paragraph" w:styleId="Podnadpis">
    <w:name w:val="Subtitle"/>
    <w:basedOn w:val="Nadpis"/>
    <w:next w:val="Zkladntext"/>
    <w:qFormat/>
    <w:rsid w:val="00AE32E2"/>
    <w:pPr>
      <w:jc w:val="center"/>
    </w:pPr>
    <w:rPr>
      <w:i/>
      <w:iCs/>
    </w:rPr>
  </w:style>
  <w:style w:type="character" w:styleId="Hypertextovodkaz">
    <w:name w:val="Hyperlink"/>
    <w:basedOn w:val="Standardnpsmoodstavce"/>
    <w:rsid w:val="00595A74"/>
    <w:rPr>
      <w:color w:val="0000FF"/>
      <w:u w:val="single"/>
    </w:rPr>
  </w:style>
  <w:style w:type="paragraph" w:customStyle="1" w:styleId="Standard">
    <w:name w:val="Standard"/>
    <w:rsid w:val="008B0FFC"/>
    <w:pPr>
      <w:widowControl w:val="0"/>
      <w:suppressAutoHyphens/>
      <w:autoSpaceDN w:val="0"/>
      <w:textAlignment w:val="baseline"/>
    </w:pPr>
    <w:rPr>
      <w:rFonts w:eastAsia="SimSun" w:cs="Mangal"/>
      <w:kern w:val="3"/>
      <w:sz w:val="24"/>
      <w:szCs w:val="24"/>
      <w:lang w:eastAsia="zh-CN" w:bidi="hi-IN"/>
    </w:rPr>
  </w:style>
  <w:style w:type="character" w:styleId="Siln">
    <w:name w:val="Strong"/>
    <w:basedOn w:val="Standardnpsmoodstavce"/>
    <w:uiPriority w:val="22"/>
    <w:qFormat/>
    <w:rsid w:val="00F043F6"/>
    <w:rPr>
      <w:b/>
      <w:bCs/>
    </w:rPr>
  </w:style>
  <w:style w:type="paragraph" w:styleId="Zhlav">
    <w:name w:val="header"/>
    <w:basedOn w:val="Normln"/>
    <w:link w:val="ZhlavChar"/>
    <w:rsid w:val="00E97070"/>
    <w:pPr>
      <w:tabs>
        <w:tab w:val="center" w:pos="4536"/>
        <w:tab w:val="right" w:pos="9072"/>
      </w:tabs>
    </w:pPr>
  </w:style>
  <w:style w:type="character" w:customStyle="1" w:styleId="ZhlavChar">
    <w:name w:val="Záhlaví Char"/>
    <w:basedOn w:val="Standardnpsmoodstavce"/>
    <w:link w:val="Zhlav"/>
    <w:rsid w:val="00E97070"/>
    <w:rPr>
      <w:lang w:eastAsia="ar-SA"/>
    </w:rPr>
  </w:style>
  <w:style w:type="paragraph" w:styleId="Zpat">
    <w:name w:val="footer"/>
    <w:basedOn w:val="Normln"/>
    <w:link w:val="ZpatChar"/>
    <w:rsid w:val="00E97070"/>
    <w:pPr>
      <w:tabs>
        <w:tab w:val="center" w:pos="4536"/>
        <w:tab w:val="right" w:pos="9072"/>
      </w:tabs>
    </w:pPr>
  </w:style>
  <w:style w:type="character" w:customStyle="1" w:styleId="ZpatChar">
    <w:name w:val="Zápatí Char"/>
    <w:basedOn w:val="Standardnpsmoodstavce"/>
    <w:link w:val="Zpat"/>
    <w:rsid w:val="00E97070"/>
    <w:rPr>
      <w:lang w:eastAsia="ar-SA"/>
    </w:rPr>
  </w:style>
  <w:style w:type="paragraph" w:styleId="Odstavecseseznamem">
    <w:name w:val="List Paragraph"/>
    <w:basedOn w:val="Normln"/>
    <w:uiPriority w:val="34"/>
    <w:qFormat/>
    <w:rsid w:val="00235E4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72399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1383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hyperlink" Target="mailto:info@zsdolnislivno.cz" TargetMode="External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88A650A-3103-4060-929C-1AE0FD1296F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89</Words>
  <Characters>526</Characters>
  <Application>Microsoft Office Word</Application>
  <DocSecurity>0</DocSecurity>
  <Lines>4</Lines>
  <Paragraphs>1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Základní škola Dolní Slivno</vt:lpstr>
    </vt:vector>
  </TitlesOfParts>
  <Company>ZŠ Dolní Slivno</Company>
  <LinksUpToDate>false</LinksUpToDate>
  <CharactersWithSpaces>614</CharactersWithSpaces>
  <SharedDoc>false</SharedDoc>
  <HLinks>
    <vt:vector size="6" baseType="variant">
      <vt:variant>
        <vt:i4>8323142</vt:i4>
      </vt:variant>
      <vt:variant>
        <vt:i4>0</vt:i4>
      </vt:variant>
      <vt:variant>
        <vt:i4>0</vt:i4>
      </vt:variant>
      <vt:variant>
        <vt:i4>5</vt:i4>
      </vt:variant>
      <vt:variant>
        <vt:lpwstr>mailto:info@zsdolnislivno.cz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Základní škola Dolní Slivno</dc:title>
  <dc:creator>.</dc:creator>
  <cp:lastModifiedBy>Jiří Fuchs</cp:lastModifiedBy>
  <cp:revision>2</cp:revision>
  <cp:lastPrinted>2019-05-20T12:17:00Z</cp:lastPrinted>
  <dcterms:created xsi:type="dcterms:W3CDTF">2020-03-05T13:21:00Z</dcterms:created>
  <dcterms:modified xsi:type="dcterms:W3CDTF">2020-03-05T13:21:00Z</dcterms:modified>
</cp:coreProperties>
</file>